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C97E13ED-B727-4B84-BB9F-323D2E4B15C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82ca735-d6d9-4b1d-9915-1fd475f15570"/>
    <ds:schemaRef ds:uri="ad6fdf58-1093-4c3a-a694-348f85f9af7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